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00183\Desktop\"/>
    </mc:Choice>
  </mc:AlternateContent>
  <bookViews>
    <workbookView xWindow="0" yWindow="0" windowWidth="23040" windowHeight="9156"/>
  </bookViews>
  <sheets>
    <sheet name="工作表2" sheetId="2" r:id="rId1"/>
    <sheet name="不合格統計" sheetId="3" r:id="rId2"/>
  </sheets>
  <definedNames>
    <definedName name="_xlnm.Print_Titles" localSheetId="0">工作表2!$A:$A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6" uniqueCount="87">
  <si>
    <t>業者名稱</t>
  </si>
  <si>
    <t>地址</t>
  </si>
  <si>
    <t>查核日期</t>
  </si>
  <si>
    <t>一、牆壁、支柱及地面應保持清潔，避免有納垢、侵蝕或積水等情形。</t>
  </si>
  <si>
    <t>二、樓板或天花板應保持清潔，避免長黴、剝落、積塵、納垢或結露等現象。</t>
  </si>
  <si>
    <t>三、出入口、門窗、通風口及其他孔道應保持清潔，並應設置防止病媒侵入設施。</t>
  </si>
  <si>
    <t>四、排水系統應完整暢通，避免有異味，排水溝應有攔截固體廢棄物之設施，並應設置防止病媒侵入之設施。</t>
  </si>
  <si>
    <t>五、洗滌應有充足之流動自來水（或符合飲用水水質標準之水質）；若無，必須提供用畢即棄之餐具。</t>
  </si>
  <si>
    <t>六、不得發現病媒出沒，並實施有效之病媒防治措施。</t>
  </si>
  <si>
    <t>七、蓄水池（塔、槽），每年至少清理一次並做成紀錄。</t>
  </si>
  <si>
    <t>八、冷藏、冷凍庫溫度應符合規定（冷藏：7℃以下；冷凍-18℃以下）</t>
  </si>
  <si>
    <t>九、生食、熟食、冷藏、冷凍等清潔度不同之作業場所有效區隔，嚴禁交叉汙染（分開處理）</t>
  </si>
  <si>
    <t>十、製備之菜餚，應於適當之溫度分類貯存及供應，貯放食品及餐具應有防塵、防蟲等衛生設施。</t>
  </si>
  <si>
    <t>十一、所有食品嚴禁與地面接觸。</t>
  </si>
  <si>
    <t>十二、廚房應設有截油設施，定期清理並維持清潔。</t>
  </si>
  <si>
    <t>十三、生、熟食刀聚及砧板應有所區隔分別使用。</t>
  </si>
  <si>
    <t>十四、食品盛裝容器洗淨後應避免再受汙染，與熟食品直接接觸之盛裝容器應保持無破損、凹陷、裂縫，易清洗。</t>
  </si>
  <si>
    <t>十五、應於適當地點設置足夠之洗手及乾手設施，必要時設置消毒設施；從業人員進入作業場所前、如廁後及手部汙染時，應立即正確洗手及消毒。</t>
  </si>
  <si>
    <t>十六、食品作業場所內之作業人員，工作時應穿戴整清枝工作衣帽（鞋），以防頭髮、頭屑及夾雜物落入食品中，必要時應戴口罩，與食品直接接觸者不得蓄留指甲、塗抹指甲油及配戴飾物，不得使塗抹於肌膚上之化粧品或藥品等汙染食品或食品接觸面。</t>
  </si>
  <si>
    <t>十七、作業人員工作中不得有吸菸、嚼檳榔、嚼口香糖、飲食及其他可能汙染食品之行為。</t>
  </si>
  <si>
    <t>十八、從業人員應辦理年度健康檢查。（每年乙次：A型肝炎、手部皮膚病、出疹、膿瘡、外傷、結核病或傷寒等疾病之傳染或帶菌）</t>
  </si>
  <si>
    <t>十九、食品作業場所內及其四周，不得任意堆置廢棄物，垃圾桶應加蓋，以防孳生病媒。</t>
  </si>
  <si>
    <t>二十、反覆使用盛裝廢棄物之容器，於丟棄廢棄物後，應立即清洗乾淨；處理廢棄物之機器設備，於停止運轉時，應立即清洗乾淨，防止病媒孳生。</t>
  </si>
  <si>
    <t>二十一、其他事項</t>
  </si>
  <si>
    <t>查核結果</t>
  </si>
  <si>
    <t>三、其他事項</t>
  </si>
  <si>
    <t>高雄空廚股份有限公司</t>
  </si>
  <si>
    <t>高雄市小港區中山四路2-10號</t>
  </si>
  <si>
    <t>／</t>
  </si>
  <si>
    <t>臺東縣關山鎮民權路1-5號</t>
  </si>
  <si>
    <t>全美池上便當</t>
  </si>
  <si>
    <t>臺東縣池上鄉中正路1號</t>
  </si>
  <si>
    <t>桃園市蘆竹區海山路2段156巷22號</t>
  </si>
  <si>
    <t>復興空廚股份有限公司</t>
  </si>
  <si>
    <t>桃園市大園區三民路一段538號</t>
  </si>
  <si>
    <t>鄉野便當店</t>
  </si>
  <si>
    <t>臺中空廚股份有限公司</t>
  </si>
  <si>
    <t>臺中市西屯區工業區十三路2號</t>
  </si>
  <si>
    <t>基隆市七堵區長興里東新街2號</t>
  </si>
  <si>
    <t>長榮空廚股份有限公司</t>
  </si>
  <si>
    <t>桃園市蘆竹區長興路四段63號</t>
  </si>
  <si>
    <t>Ｘ</t>
  </si>
  <si>
    <t>○</t>
  </si>
  <si>
    <t>環境衛生</t>
    <phoneticPr fontId="1" type="noConversion"/>
  </si>
  <si>
    <t>食材貯存、使用</t>
    <phoneticPr fontId="1" type="noConversion"/>
  </si>
  <si>
    <t>Ｘ</t>
    <phoneticPr fontId="1" type="noConversion"/>
  </si>
  <si>
    <t>Ｘ</t>
    <phoneticPr fontId="1" type="noConversion"/>
  </si>
  <si>
    <t>Ｘ</t>
    <phoneticPr fontId="1" type="noConversion"/>
  </si>
  <si>
    <t>花蓮縣花蓮市國聯里國聯一路110號</t>
    <phoneticPr fontId="1" type="noConversion"/>
  </si>
  <si>
    <t>交通部臺灣鐵路管理局餐旅
服務總所車勤服務部花蓮分部</t>
    <phoneticPr fontId="1" type="noConversion"/>
  </si>
  <si>
    <t>華膳空廚股份有限公司
（華膳空廚）</t>
    <phoneticPr fontId="1" type="noConversion"/>
  </si>
  <si>
    <t>源昌飯店
（源昌關山便當）</t>
    <phoneticPr fontId="1" type="noConversion"/>
  </si>
  <si>
    <t>新北市貢寮區福隆街1號</t>
    <phoneticPr fontId="1" type="noConversion"/>
  </si>
  <si>
    <t>Ｘ
黑麻油(2017.04.20到期)
黑蔴油(102.09.07到期)</t>
  </si>
  <si>
    <t>二、食品、食品原料有無變質或腐敗。</t>
    <phoneticPr fontId="1" type="noConversion"/>
  </si>
  <si>
    <t>一、食品、食品原料、食品添加物有無逾有效期限。</t>
    <phoneticPr fontId="1" type="noConversion"/>
  </si>
  <si>
    <t>Ｘ
於冷藏庫見有逾期食品：姜片/2桶/含桶重共計6201公克/有效日期2017.01.25</t>
    <phoneticPr fontId="1" type="noConversion"/>
  </si>
  <si>
    <t>不合格統計</t>
    <phoneticPr fontId="1" type="noConversion"/>
  </si>
  <si>
    <t>項目</t>
    <phoneticPr fontId="1" type="noConversion"/>
  </si>
  <si>
    <t>計次</t>
    <phoneticPr fontId="1" type="noConversion"/>
  </si>
  <si>
    <t>Ｘ
限期改善</t>
  </si>
  <si>
    <t>Ｘ
輔導改善</t>
  </si>
  <si>
    <t xml:space="preserve">○
</t>
    <phoneticPr fontId="1" type="noConversion"/>
  </si>
  <si>
    <t>○</t>
    <phoneticPr fontId="1" type="noConversion"/>
  </si>
  <si>
    <t>查核結果</t>
    <phoneticPr fontId="1" type="noConversion"/>
  </si>
  <si>
    <t>Ｘ
輔導改善</t>
    <phoneticPr fontId="1" type="noConversion"/>
  </si>
  <si>
    <t>交通部臺灣鐵路管理局餐旅
服務總所車勤服務部</t>
    <phoneticPr fontId="1" type="noConversion"/>
  </si>
  <si>
    <t xml:space="preserve">○
</t>
    <phoneticPr fontId="1" type="noConversion"/>
  </si>
  <si>
    <t>編號</t>
    <phoneticPr fontId="1" type="noConversion"/>
  </si>
  <si>
    <t>十六、食品作業場所內之作業人員，工作時應穿戴整清潔工作衣帽（鞋），以防頭髮、頭屑及夾雜物落入食品中，必要時應戴口罩，與食品直接接觸者不得蓄留指甲、塗抹指甲油及配戴飾物，不得使塗抹於肌膚上之化粧品或藥品等汙染食品或食品接觸面。</t>
    <phoneticPr fontId="1" type="noConversion"/>
  </si>
  <si>
    <t xml:space="preserve">Ｘ
</t>
    <phoneticPr fontId="1" type="noConversion"/>
  </si>
  <si>
    <t>Ｘ</t>
    <phoneticPr fontId="1" type="noConversion"/>
  </si>
  <si>
    <t>編號3</t>
    <phoneticPr fontId="1" type="noConversion"/>
  </si>
  <si>
    <t>編號3、7、9</t>
    <phoneticPr fontId="1" type="noConversion"/>
  </si>
  <si>
    <t>標號7</t>
    <phoneticPr fontId="1" type="noConversion"/>
  </si>
  <si>
    <t>編號9</t>
    <phoneticPr fontId="1" type="noConversion"/>
  </si>
  <si>
    <t>編號2、7</t>
    <phoneticPr fontId="1" type="noConversion"/>
  </si>
  <si>
    <t>編號2、6、7</t>
    <phoneticPr fontId="1" type="noConversion"/>
  </si>
  <si>
    <t>編號2、3、7</t>
    <phoneticPr fontId="1" type="noConversion"/>
  </si>
  <si>
    <t>編號4</t>
    <phoneticPr fontId="1" type="noConversion"/>
  </si>
  <si>
    <t>編號2、9</t>
    <phoneticPr fontId="1" type="noConversion"/>
  </si>
  <si>
    <t>編號7、9</t>
    <phoneticPr fontId="1" type="noConversion"/>
  </si>
  <si>
    <t>編號9</t>
    <phoneticPr fontId="1" type="noConversion"/>
  </si>
  <si>
    <t>編號3、5、7</t>
    <phoneticPr fontId="1" type="noConversion"/>
  </si>
  <si>
    <t>編號2、3、4、7</t>
    <phoneticPr fontId="1" type="noConversion"/>
  </si>
  <si>
    <t>編號2、5、7</t>
    <phoneticPr fontId="1" type="noConversion"/>
  </si>
  <si>
    <t>業者標號</t>
    <phoneticPr fontId="1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2"/>
      <color theme="1"/>
      <name val="新細明體"/>
      <family val="2"/>
      <charset val="136"/>
      <scheme val="minor"/>
    </font>
    <font>
      <sz val="9"/>
      <name val="新細明體"/>
      <family val="2"/>
      <charset val="136"/>
      <scheme val="minor"/>
    </font>
    <font>
      <sz val="12"/>
      <color theme="1"/>
      <name val="KaiTi"/>
      <family val="3"/>
      <charset val="134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/>
      <bottom style="thin">
        <color auto="1"/>
      </bottom>
      <diagonal/>
    </border>
    <border diagonalUp="1">
      <left style="thin">
        <color indexed="64"/>
      </left>
      <right style="thin">
        <color auto="1"/>
      </right>
      <top style="thin">
        <color indexed="64"/>
      </top>
      <bottom style="thin">
        <color auto="1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0" fillId="0" borderId="0" xfId="0" applyAlignment="1">
      <alignment horizontal="center" vertical="center" wrapText="1"/>
    </xf>
    <xf numFmtId="0" fontId="2" fillId="0" borderId="1" xfId="0" applyFont="1" applyBorder="1" applyAlignment="1">
      <alignment vertical="center" wrapText="1"/>
    </xf>
    <xf numFmtId="0" fontId="2" fillId="0" borderId="1" xfId="0" applyFont="1" applyBorder="1" applyAlignment="1">
      <alignment horizontal="center" vertical="center" wrapText="1"/>
    </xf>
    <xf numFmtId="14" fontId="2" fillId="0" borderId="1" xfId="0" applyNumberFormat="1" applyFont="1" applyBorder="1" applyAlignment="1">
      <alignment horizontal="center" vertical="center" wrapText="1"/>
    </xf>
    <xf numFmtId="0" fontId="2" fillId="2" borderId="1" xfId="0" applyFont="1" applyFill="1" applyBorder="1" applyAlignment="1">
      <alignment vertical="center" wrapText="1"/>
    </xf>
    <xf numFmtId="14" fontId="2" fillId="2" borderId="1" xfId="0" applyNumberFormat="1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3" xfId="0" applyBorder="1">
      <alignment vertical="center"/>
    </xf>
    <xf numFmtId="0" fontId="0" fillId="0" borderId="0" xfId="0" applyBorder="1">
      <alignment vertical="center"/>
    </xf>
    <xf numFmtId="0" fontId="2" fillId="0" borderId="4" xfId="0" applyFont="1" applyBorder="1" applyAlignment="1">
      <alignment vertical="center" wrapText="1"/>
    </xf>
    <xf numFmtId="0" fontId="2" fillId="2" borderId="4" xfId="0" applyFont="1" applyFill="1" applyBorder="1" applyAlignment="1">
      <alignment vertical="center" wrapText="1"/>
    </xf>
    <xf numFmtId="0" fontId="0" fillId="0" borderId="2" xfId="0" applyBorder="1">
      <alignment vertical="center"/>
    </xf>
    <xf numFmtId="0" fontId="0" fillId="0" borderId="5" xfId="0" applyBorder="1">
      <alignment vertical="center"/>
    </xf>
    <xf numFmtId="0" fontId="0" fillId="0" borderId="0" xfId="0" applyBorder="1" applyAlignment="1">
      <alignment horizontal="center" vertical="center"/>
    </xf>
    <xf numFmtId="0" fontId="0" fillId="0" borderId="6" xfId="0" applyBorder="1">
      <alignment vertical="center"/>
    </xf>
    <xf numFmtId="0" fontId="2" fillId="0" borderId="4" xfId="0" applyFont="1" applyBorder="1" applyAlignment="1">
      <alignment horizontal="center" vertical="center" wrapText="1"/>
    </xf>
    <xf numFmtId="0" fontId="0" fillId="0" borderId="2" xfId="0" applyBorder="1" applyAlignment="1">
      <alignment vertical="center"/>
    </xf>
  </cellXfs>
  <cellStyles count="1">
    <cellStyle name="一般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2"/>
  <sheetViews>
    <sheetView tabSelected="1" showWhiteSpace="0" view="pageBreakPreview" zoomScaleNormal="100" zoomScaleSheetLayoutView="100" workbookViewId="0">
      <selection activeCell="B8" sqref="B8"/>
    </sheetView>
  </sheetViews>
  <sheetFormatPr defaultRowHeight="16.2" x14ac:dyDescent="0.3"/>
  <cols>
    <col min="1" max="1" width="54.21875" style="1" customWidth="1"/>
    <col min="2" max="2" width="37.109375" style="2" customWidth="1"/>
    <col min="3" max="4" width="35.77734375" style="2" customWidth="1"/>
    <col min="5" max="5" width="38.33203125" style="2" customWidth="1"/>
    <col min="6" max="6" width="41.88671875" style="2" customWidth="1"/>
    <col min="7" max="7" width="40.21875" style="2" customWidth="1"/>
    <col min="8" max="8" width="40.88671875" style="2" customWidth="1"/>
    <col min="9" max="9" width="37.77734375" style="2" customWidth="1"/>
    <col min="10" max="10" width="39.77734375" style="2" customWidth="1"/>
    <col min="11" max="11" width="40" style="2" customWidth="1"/>
  </cols>
  <sheetData>
    <row r="1" spans="1:11" x14ac:dyDescent="0.3">
      <c r="A1" s="1" t="s">
        <v>68</v>
      </c>
      <c r="B1" s="2">
        <v>1</v>
      </c>
      <c r="C1" s="2">
        <v>2</v>
      </c>
      <c r="D1" s="2">
        <v>3</v>
      </c>
      <c r="E1" s="2">
        <v>4</v>
      </c>
      <c r="F1" s="2">
        <v>5</v>
      </c>
      <c r="G1" s="2">
        <v>6</v>
      </c>
      <c r="H1" s="2">
        <v>7</v>
      </c>
      <c r="I1" s="2">
        <v>8</v>
      </c>
      <c r="J1" s="2">
        <v>9</v>
      </c>
      <c r="K1" s="2">
        <v>10</v>
      </c>
    </row>
    <row r="2" spans="1:11" ht="31.2" x14ac:dyDescent="0.3">
      <c r="A2" s="3" t="s">
        <v>0</v>
      </c>
      <c r="B2" s="4" t="s">
        <v>26</v>
      </c>
      <c r="C2" s="4" t="s">
        <v>51</v>
      </c>
      <c r="D2" s="4" t="s">
        <v>30</v>
      </c>
      <c r="E2" s="4" t="s">
        <v>49</v>
      </c>
      <c r="F2" s="4" t="s">
        <v>50</v>
      </c>
      <c r="G2" s="4" t="s">
        <v>33</v>
      </c>
      <c r="H2" s="4" t="s">
        <v>35</v>
      </c>
      <c r="I2" s="4" t="s">
        <v>36</v>
      </c>
      <c r="J2" s="4" t="s">
        <v>66</v>
      </c>
      <c r="K2" s="4" t="s">
        <v>39</v>
      </c>
    </row>
    <row r="3" spans="1:11" x14ac:dyDescent="0.3">
      <c r="A3" s="3" t="s">
        <v>1</v>
      </c>
      <c r="B3" s="4" t="s">
        <v>27</v>
      </c>
      <c r="C3" s="4" t="s">
        <v>29</v>
      </c>
      <c r="D3" s="4" t="s">
        <v>31</v>
      </c>
      <c r="E3" s="4" t="s">
        <v>48</v>
      </c>
      <c r="F3" s="4" t="s">
        <v>32</v>
      </c>
      <c r="G3" s="4" t="s">
        <v>34</v>
      </c>
      <c r="H3" s="4" t="s">
        <v>52</v>
      </c>
      <c r="I3" s="4" t="s">
        <v>37</v>
      </c>
      <c r="J3" s="4" t="s">
        <v>38</v>
      </c>
      <c r="K3" s="4" t="s">
        <v>40</v>
      </c>
    </row>
    <row r="4" spans="1:11" x14ac:dyDescent="0.3">
      <c r="A4" s="3" t="s">
        <v>2</v>
      </c>
      <c r="B4" s="5">
        <v>42928</v>
      </c>
      <c r="C4" s="5">
        <v>42933</v>
      </c>
      <c r="D4" s="5">
        <v>42933</v>
      </c>
      <c r="E4" s="5">
        <v>42934</v>
      </c>
      <c r="F4" s="5">
        <v>42935</v>
      </c>
      <c r="G4" s="5">
        <v>42935</v>
      </c>
      <c r="H4" s="5">
        <v>42940</v>
      </c>
      <c r="I4" s="5">
        <v>42941</v>
      </c>
      <c r="J4" s="5">
        <v>42942</v>
      </c>
      <c r="K4" s="5">
        <v>42943</v>
      </c>
    </row>
    <row r="5" spans="1:11" x14ac:dyDescent="0.3">
      <c r="A5" s="6" t="s">
        <v>43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ht="31.2" x14ac:dyDescent="0.3">
      <c r="A6" s="3" t="s">
        <v>3</v>
      </c>
      <c r="B6" s="4" t="s">
        <v>42</v>
      </c>
      <c r="C6" s="4" t="s">
        <v>42</v>
      </c>
      <c r="D6" s="4" t="s">
        <v>42</v>
      </c>
      <c r="E6" s="4" t="s">
        <v>42</v>
      </c>
      <c r="F6" s="4" t="s">
        <v>42</v>
      </c>
      <c r="G6" s="4" t="s">
        <v>42</v>
      </c>
      <c r="H6" s="4" t="s">
        <v>42</v>
      </c>
      <c r="I6" s="4" t="s">
        <v>42</v>
      </c>
      <c r="J6" s="4" t="s">
        <v>42</v>
      </c>
      <c r="K6" s="4" t="s">
        <v>42</v>
      </c>
    </row>
    <row r="7" spans="1:11" ht="31.2" x14ac:dyDescent="0.3">
      <c r="A7" s="3" t="s">
        <v>4</v>
      </c>
      <c r="B7" s="4" t="s">
        <v>42</v>
      </c>
      <c r="C7" s="4" t="s">
        <v>42</v>
      </c>
      <c r="D7" s="4" t="s">
        <v>41</v>
      </c>
      <c r="E7" s="4" t="s">
        <v>62</v>
      </c>
      <c r="F7" s="4" t="s">
        <v>42</v>
      </c>
      <c r="G7" s="4" t="s">
        <v>42</v>
      </c>
      <c r="H7" s="4" t="s">
        <v>42</v>
      </c>
      <c r="I7" s="4" t="s">
        <v>42</v>
      </c>
      <c r="J7" s="4" t="s">
        <v>42</v>
      </c>
      <c r="K7" s="4" t="s">
        <v>42</v>
      </c>
    </row>
    <row r="8" spans="1:11" ht="31.2" x14ac:dyDescent="0.3">
      <c r="A8" s="3" t="s">
        <v>5</v>
      </c>
      <c r="B8" s="4" t="s">
        <v>42</v>
      </c>
      <c r="C8" s="4" t="s">
        <v>42</v>
      </c>
      <c r="D8" s="4" t="s">
        <v>41</v>
      </c>
      <c r="E8" s="4" t="s">
        <v>62</v>
      </c>
      <c r="F8" s="4" t="s">
        <v>42</v>
      </c>
      <c r="G8" s="4" t="s">
        <v>42</v>
      </c>
      <c r="H8" s="4" t="s">
        <v>70</v>
      </c>
      <c r="I8" s="4" t="s">
        <v>42</v>
      </c>
      <c r="J8" s="4" t="s">
        <v>46</v>
      </c>
      <c r="K8" s="4" t="s">
        <v>42</v>
      </c>
    </row>
    <row r="9" spans="1:11" ht="31.2" x14ac:dyDescent="0.3">
      <c r="A9" s="3" t="s">
        <v>6</v>
      </c>
      <c r="B9" s="4" t="s">
        <v>42</v>
      </c>
      <c r="C9" s="4" t="s">
        <v>42</v>
      </c>
      <c r="D9" s="4" t="s">
        <v>42</v>
      </c>
      <c r="E9" s="4" t="s">
        <v>42</v>
      </c>
      <c r="F9" s="4" t="s">
        <v>42</v>
      </c>
      <c r="G9" s="4" t="s">
        <v>42</v>
      </c>
      <c r="H9" s="4" t="s">
        <v>42</v>
      </c>
      <c r="I9" s="4" t="s">
        <v>42</v>
      </c>
      <c r="J9" s="4" t="s">
        <v>42</v>
      </c>
      <c r="K9" s="4" t="s">
        <v>42</v>
      </c>
    </row>
    <row r="10" spans="1:11" ht="51" customHeight="1" x14ac:dyDescent="0.3">
      <c r="A10" s="3" t="s">
        <v>7</v>
      </c>
      <c r="B10" s="4" t="s">
        <v>42</v>
      </c>
      <c r="C10" s="4" t="s">
        <v>42</v>
      </c>
      <c r="D10" s="4" t="s">
        <v>42</v>
      </c>
      <c r="E10" s="4" t="s">
        <v>42</v>
      </c>
      <c r="F10" s="4" t="s">
        <v>42</v>
      </c>
      <c r="G10" s="4" t="s">
        <v>42</v>
      </c>
      <c r="H10" s="4" t="s">
        <v>42</v>
      </c>
      <c r="I10" s="4" t="s">
        <v>42</v>
      </c>
      <c r="J10" s="4" t="s">
        <v>42</v>
      </c>
      <c r="K10" s="4" t="s">
        <v>42</v>
      </c>
    </row>
    <row r="11" spans="1:11" ht="31.2" x14ac:dyDescent="0.3">
      <c r="A11" s="3" t="s">
        <v>8</v>
      </c>
      <c r="B11" s="4" t="s">
        <v>42</v>
      </c>
      <c r="C11" s="4" t="s">
        <v>42</v>
      </c>
      <c r="D11" s="4" t="s">
        <v>42</v>
      </c>
      <c r="E11" s="4" t="s">
        <v>42</v>
      </c>
      <c r="F11" s="4" t="s">
        <v>42</v>
      </c>
      <c r="G11" s="4" t="s">
        <v>42</v>
      </c>
      <c r="H11" s="4" t="s">
        <v>70</v>
      </c>
      <c r="I11" s="4" t="s">
        <v>42</v>
      </c>
      <c r="J11" s="4" t="s">
        <v>42</v>
      </c>
      <c r="K11" s="4" t="s">
        <v>42</v>
      </c>
    </row>
    <row r="12" spans="1:11" ht="31.2" x14ac:dyDescent="0.3">
      <c r="A12" s="3" t="s">
        <v>9</v>
      </c>
      <c r="B12" s="4" t="s">
        <v>42</v>
      </c>
      <c r="C12" s="4" t="s">
        <v>28</v>
      </c>
      <c r="D12" s="4" t="s">
        <v>28</v>
      </c>
      <c r="E12" s="4" t="s">
        <v>42</v>
      </c>
      <c r="F12" s="4" t="s">
        <v>42</v>
      </c>
      <c r="G12" s="4" t="s">
        <v>42</v>
      </c>
      <c r="H12" s="4" t="s">
        <v>28</v>
      </c>
      <c r="I12" s="4" t="s">
        <v>42</v>
      </c>
      <c r="J12" s="4" t="s">
        <v>41</v>
      </c>
      <c r="K12" s="4" t="s">
        <v>42</v>
      </c>
    </row>
    <row r="13" spans="1:11" ht="31.2" x14ac:dyDescent="0.3">
      <c r="A13" s="3" t="s">
        <v>10</v>
      </c>
      <c r="B13" s="4" t="s">
        <v>62</v>
      </c>
      <c r="C13" s="4" t="s">
        <v>70</v>
      </c>
      <c r="D13" s="4" t="s">
        <v>42</v>
      </c>
      <c r="E13" s="4" t="s">
        <v>62</v>
      </c>
      <c r="F13" s="4" t="s">
        <v>63</v>
      </c>
      <c r="G13" s="4" t="s">
        <v>62</v>
      </c>
      <c r="H13" s="4" t="s">
        <v>70</v>
      </c>
      <c r="I13" s="4" t="s">
        <v>67</v>
      </c>
      <c r="J13" s="4" t="s">
        <v>62</v>
      </c>
      <c r="K13" s="4" t="s">
        <v>62</v>
      </c>
    </row>
    <row r="14" spans="1:11" ht="31.2" x14ac:dyDescent="0.3">
      <c r="A14" s="3" t="s">
        <v>11</v>
      </c>
      <c r="B14" s="4" t="s">
        <v>42</v>
      </c>
      <c r="C14" s="4" t="s">
        <v>42</v>
      </c>
      <c r="D14" s="4" t="s">
        <v>42</v>
      </c>
      <c r="E14" s="4" t="s">
        <v>42</v>
      </c>
      <c r="F14" s="4" t="s">
        <v>42</v>
      </c>
      <c r="G14" s="4" t="s">
        <v>42</v>
      </c>
      <c r="H14" s="4" t="s">
        <v>42</v>
      </c>
      <c r="I14" s="4" t="s">
        <v>42</v>
      </c>
      <c r="J14" s="4" t="s">
        <v>42</v>
      </c>
      <c r="K14" s="4" t="s">
        <v>42</v>
      </c>
    </row>
    <row r="15" spans="1:11" ht="31.2" x14ac:dyDescent="0.3">
      <c r="A15" s="3" t="s">
        <v>12</v>
      </c>
      <c r="B15" s="4" t="s">
        <v>42</v>
      </c>
      <c r="C15" s="4" t="s">
        <v>45</v>
      </c>
      <c r="D15" s="4" t="s">
        <v>42</v>
      </c>
      <c r="E15" s="4" t="s">
        <v>42</v>
      </c>
      <c r="F15" s="4" t="s">
        <v>42</v>
      </c>
      <c r="G15" s="4" t="s">
        <v>70</v>
      </c>
      <c r="H15" s="4" t="s">
        <v>70</v>
      </c>
      <c r="I15" s="4" t="s">
        <v>42</v>
      </c>
      <c r="J15" s="4" t="s">
        <v>42</v>
      </c>
      <c r="K15" s="4" t="s">
        <v>42</v>
      </c>
    </row>
    <row r="16" spans="1:11" x14ac:dyDescent="0.3">
      <c r="A16" s="3" t="s">
        <v>13</v>
      </c>
      <c r="B16" s="4" t="s">
        <v>42</v>
      </c>
      <c r="C16" s="4" t="s">
        <v>41</v>
      </c>
      <c r="D16" s="4" t="s">
        <v>41</v>
      </c>
      <c r="E16" s="4" t="s">
        <v>42</v>
      </c>
      <c r="F16" s="4" t="s">
        <v>42</v>
      </c>
      <c r="G16" s="4" t="s">
        <v>42</v>
      </c>
      <c r="H16" s="4" t="s">
        <v>41</v>
      </c>
      <c r="I16" s="4" t="s">
        <v>42</v>
      </c>
      <c r="J16" s="4" t="s">
        <v>42</v>
      </c>
      <c r="K16" s="4" t="s">
        <v>42</v>
      </c>
    </row>
    <row r="17" spans="1:11" ht="31.2" x14ac:dyDescent="0.3">
      <c r="A17" s="3" t="s">
        <v>14</v>
      </c>
      <c r="B17" s="4" t="s">
        <v>42</v>
      </c>
      <c r="C17" s="4" t="s">
        <v>42</v>
      </c>
      <c r="D17" s="4" t="s">
        <v>42</v>
      </c>
      <c r="E17" s="4" t="s">
        <v>70</v>
      </c>
      <c r="F17" s="4" t="s">
        <v>42</v>
      </c>
      <c r="G17" s="4" t="s">
        <v>42</v>
      </c>
      <c r="H17" s="4" t="s">
        <v>42</v>
      </c>
      <c r="I17" s="4" t="s">
        <v>42</v>
      </c>
      <c r="J17" s="4" t="s">
        <v>42</v>
      </c>
      <c r="K17" s="4" t="s">
        <v>42</v>
      </c>
    </row>
    <row r="18" spans="1:11" x14ac:dyDescent="0.3">
      <c r="A18" s="3" t="s">
        <v>15</v>
      </c>
      <c r="B18" s="4" t="s">
        <v>42</v>
      </c>
      <c r="C18" s="4" t="s">
        <v>42</v>
      </c>
      <c r="D18" s="4" t="s">
        <v>42</v>
      </c>
      <c r="E18" s="4" t="s">
        <v>42</v>
      </c>
      <c r="F18" s="4" t="s">
        <v>42</v>
      </c>
      <c r="G18" s="4" t="s">
        <v>42</v>
      </c>
      <c r="H18" s="4" t="s">
        <v>42</v>
      </c>
      <c r="I18" s="4" t="s">
        <v>42</v>
      </c>
      <c r="J18" s="4" t="s">
        <v>42</v>
      </c>
      <c r="K18" s="4" t="s">
        <v>42</v>
      </c>
    </row>
    <row r="19" spans="1:11" ht="46.8" x14ac:dyDescent="0.3">
      <c r="A19" s="3" t="s">
        <v>16</v>
      </c>
      <c r="B19" s="4" t="s">
        <v>42</v>
      </c>
      <c r="C19" s="4" t="s">
        <v>42</v>
      </c>
      <c r="D19" s="4" t="s">
        <v>42</v>
      </c>
      <c r="E19" s="4" t="s">
        <v>42</v>
      </c>
      <c r="F19" s="4" t="s">
        <v>42</v>
      </c>
      <c r="G19" s="4" t="s">
        <v>42</v>
      </c>
      <c r="H19" s="4" t="s">
        <v>70</v>
      </c>
      <c r="I19" s="4" t="s">
        <v>42</v>
      </c>
      <c r="J19" s="4" t="s">
        <v>47</v>
      </c>
      <c r="K19" s="4" t="s">
        <v>42</v>
      </c>
    </row>
    <row r="20" spans="1:11" ht="46.8" x14ac:dyDescent="0.3">
      <c r="A20" s="3" t="s">
        <v>17</v>
      </c>
      <c r="B20" s="4" t="s">
        <v>42</v>
      </c>
      <c r="C20" s="4" t="s">
        <v>42</v>
      </c>
      <c r="D20" s="4" t="s">
        <v>42</v>
      </c>
      <c r="E20" s="4" t="s">
        <v>42</v>
      </c>
      <c r="F20" s="4" t="s">
        <v>42</v>
      </c>
      <c r="G20" s="4" t="s">
        <v>42</v>
      </c>
      <c r="H20" s="4" t="s">
        <v>42</v>
      </c>
      <c r="I20" s="4" t="s">
        <v>42</v>
      </c>
      <c r="J20" s="4" t="s">
        <v>41</v>
      </c>
      <c r="K20" s="4" t="s">
        <v>42</v>
      </c>
    </row>
    <row r="21" spans="1:11" ht="78" x14ac:dyDescent="0.3">
      <c r="A21" s="3" t="s">
        <v>69</v>
      </c>
      <c r="B21" s="4" t="s">
        <v>42</v>
      </c>
      <c r="C21" s="4" t="s">
        <v>42</v>
      </c>
      <c r="D21" s="4" t="s">
        <v>41</v>
      </c>
      <c r="E21" s="4" t="s">
        <v>42</v>
      </c>
      <c r="F21" s="4" t="s">
        <v>70</v>
      </c>
      <c r="G21" s="4" t="s">
        <v>42</v>
      </c>
      <c r="H21" s="9" t="s">
        <v>45</v>
      </c>
      <c r="I21" s="4" t="s">
        <v>42</v>
      </c>
      <c r="J21" s="4" t="s">
        <v>42</v>
      </c>
      <c r="K21" s="4" t="s">
        <v>42</v>
      </c>
    </row>
    <row r="22" spans="1:11" ht="31.2" x14ac:dyDescent="0.3">
      <c r="A22" s="3" t="s">
        <v>19</v>
      </c>
      <c r="B22" s="4" t="s">
        <v>42</v>
      </c>
      <c r="C22" s="4" t="s">
        <v>42</v>
      </c>
      <c r="D22" s="4" t="s">
        <v>42</v>
      </c>
      <c r="E22" s="4" t="s">
        <v>42</v>
      </c>
      <c r="F22" s="4" t="s">
        <v>42</v>
      </c>
      <c r="G22" s="4" t="s">
        <v>42</v>
      </c>
      <c r="H22" s="4" t="s">
        <v>42</v>
      </c>
      <c r="I22" s="4" t="s">
        <v>42</v>
      </c>
      <c r="J22" s="4" t="s">
        <v>42</v>
      </c>
      <c r="K22" s="4" t="s">
        <v>42</v>
      </c>
    </row>
    <row r="23" spans="1:11" ht="46.8" x14ac:dyDescent="0.3">
      <c r="A23" s="3" t="s">
        <v>20</v>
      </c>
      <c r="B23" s="4" t="s">
        <v>42</v>
      </c>
      <c r="C23" s="4" t="s">
        <v>70</v>
      </c>
      <c r="D23" s="4" t="s">
        <v>41</v>
      </c>
      <c r="E23" s="4" t="s">
        <v>70</v>
      </c>
      <c r="F23" s="4" t="s">
        <v>42</v>
      </c>
      <c r="G23" s="4" t="s">
        <v>42</v>
      </c>
      <c r="H23" s="4" t="s">
        <v>41</v>
      </c>
      <c r="I23" s="4" t="s">
        <v>42</v>
      </c>
      <c r="J23" s="4" t="s">
        <v>42</v>
      </c>
      <c r="K23" s="4" t="s">
        <v>62</v>
      </c>
    </row>
    <row r="24" spans="1:11" ht="31.2" x14ac:dyDescent="0.3">
      <c r="A24" s="3" t="s">
        <v>21</v>
      </c>
      <c r="B24" s="4" t="s">
        <v>42</v>
      </c>
      <c r="C24" s="4" t="s">
        <v>41</v>
      </c>
      <c r="D24" s="4" t="s">
        <v>41</v>
      </c>
      <c r="E24" s="4" t="s">
        <v>42</v>
      </c>
      <c r="F24" s="4" t="s">
        <v>45</v>
      </c>
      <c r="G24" s="4" t="s">
        <v>42</v>
      </c>
      <c r="H24" s="4" t="s">
        <v>41</v>
      </c>
      <c r="I24" s="4" t="s">
        <v>42</v>
      </c>
      <c r="J24" s="4" t="s">
        <v>42</v>
      </c>
      <c r="K24" s="4" t="s">
        <v>67</v>
      </c>
    </row>
    <row r="25" spans="1:11" ht="46.8" x14ac:dyDescent="0.3">
      <c r="A25" s="3" t="s">
        <v>22</v>
      </c>
      <c r="B25" s="4" t="s">
        <v>42</v>
      </c>
      <c r="C25" s="4" t="s">
        <v>42</v>
      </c>
      <c r="D25" s="4" t="s">
        <v>42</v>
      </c>
      <c r="E25" s="4" t="s">
        <v>42</v>
      </c>
      <c r="F25" s="4" t="s">
        <v>42</v>
      </c>
      <c r="G25" s="4" t="s">
        <v>42</v>
      </c>
      <c r="H25" s="4" t="s">
        <v>42</v>
      </c>
      <c r="I25" s="4" t="s">
        <v>42</v>
      </c>
      <c r="J25" s="4" t="s">
        <v>42</v>
      </c>
      <c r="K25" s="4" t="s">
        <v>42</v>
      </c>
    </row>
    <row r="26" spans="1:11" x14ac:dyDescent="0.3">
      <c r="A26" s="3" t="s">
        <v>23</v>
      </c>
      <c r="B26" s="4" t="s">
        <v>28</v>
      </c>
      <c r="C26" s="4" t="s">
        <v>28</v>
      </c>
      <c r="D26" s="4" t="s">
        <v>28</v>
      </c>
      <c r="E26" s="4" t="s">
        <v>28</v>
      </c>
      <c r="F26" s="4" t="s">
        <v>28</v>
      </c>
      <c r="G26" s="4" t="s">
        <v>28</v>
      </c>
      <c r="H26" s="4" t="s">
        <v>28</v>
      </c>
      <c r="I26" s="4" t="s">
        <v>28</v>
      </c>
      <c r="J26" s="4" t="s">
        <v>28</v>
      </c>
      <c r="K26" s="4" t="s">
        <v>28</v>
      </c>
    </row>
    <row r="27" spans="1:11" ht="31.2" x14ac:dyDescent="0.3">
      <c r="A27" s="3" t="s">
        <v>64</v>
      </c>
      <c r="B27" s="4" t="s">
        <v>42</v>
      </c>
      <c r="C27" s="4" t="s">
        <v>60</v>
      </c>
      <c r="D27" s="4" t="s">
        <v>60</v>
      </c>
      <c r="E27" s="4" t="s">
        <v>60</v>
      </c>
      <c r="F27" s="4" t="s">
        <v>61</v>
      </c>
      <c r="G27" s="4" t="s">
        <v>65</v>
      </c>
      <c r="H27" s="4" t="s">
        <v>60</v>
      </c>
      <c r="I27" s="4" t="s">
        <v>42</v>
      </c>
      <c r="J27" s="4" t="s">
        <v>60</v>
      </c>
      <c r="K27" s="4" t="s">
        <v>42</v>
      </c>
    </row>
    <row r="28" spans="1:11" x14ac:dyDescent="0.3">
      <c r="A28" s="6" t="s">
        <v>44</v>
      </c>
      <c r="B28" s="8"/>
      <c r="C28" s="8"/>
      <c r="D28" s="8"/>
      <c r="E28" s="8"/>
      <c r="F28" s="8"/>
      <c r="G28" s="8"/>
      <c r="H28" s="8"/>
      <c r="I28" s="8"/>
      <c r="J28" s="8"/>
      <c r="K28" s="8"/>
    </row>
    <row r="29" spans="1:11" ht="46.8" x14ac:dyDescent="0.3">
      <c r="A29" s="3" t="s">
        <v>55</v>
      </c>
      <c r="B29" s="4" t="s">
        <v>42</v>
      </c>
      <c r="C29" s="4" t="s">
        <v>53</v>
      </c>
      <c r="D29" s="4" t="s">
        <v>42</v>
      </c>
      <c r="E29" s="4" t="s">
        <v>42</v>
      </c>
      <c r="F29" s="4" t="s">
        <v>42</v>
      </c>
      <c r="G29" s="4" t="s">
        <v>42</v>
      </c>
      <c r="H29" s="4" t="s">
        <v>42</v>
      </c>
      <c r="I29" s="4" t="s">
        <v>42</v>
      </c>
      <c r="J29" s="4" t="s">
        <v>56</v>
      </c>
      <c r="K29" s="4" t="s">
        <v>42</v>
      </c>
    </row>
    <row r="30" spans="1:11" x14ac:dyDescent="0.3">
      <c r="A30" s="3" t="s">
        <v>54</v>
      </c>
      <c r="B30" s="4" t="s">
        <v>42</v>
      </c>
      <c r="C30" s="4" t="s">
        <v>42</v>
      </c>
      <c r="D30" s="4" t="s">
        <v>42</v>
      </c>
      <c r="E30" s="4" t="s">
        <v>42</v>
      </c>
      <c r="F30" s="4" t="s">
        <v>42</v>
      </c>
      <c r="G30" s="4" t="s">
        <v>42</v>
      </c>
      <c r="H30" s="4" t="s">
        <v>42</v>
      </c>
      <c r="I30" s="4" t="s">
        <v>42</v>
      </c>
      <c r="J30" s="4" t="s">
        <v>42</v>
      </c>
      <c r="K30" s="4" t="s">
        <v>42</v>
      </c>
    </row>
    <row r="31" spans="1:11" x14ac:dyDescent="0.3">
      <c r="A31" s="3" t="s">
        <v>25</v>
      </c>
      <c r="B31" s="4" t="s">
        <v>28</v>
      </c>
      <c r="C31" s="4" t="s">
        <v>28</v>
      </c>
      <c r="D31" s="4" t="s">
        <v>28</v>
      </c>
      <c r="E31" s="4" t="s">
        <v>28</v>
      </c>
      <c r="F31" s="4" t="s">
        <v>28</v>
      </c>
      <c r="G31" s="4" t="s">
        <v>28</v>
      </c>
      <c r="H31" s="4" t="s">
        <v>28</v>
      </c>
      <c r="I31" s="4" t="s">
        <v>28</v>
      </c>
      <c r="J31" s="4" t="s">
        <v>28</v>
      </c>
      <c r="K31" s="4" t="s">
        <v>28</v>
      </c>
    </row>
    <row r="32" spans="1:11" x14ac:dyDescent="0.3">
      <c r="A32" s="3" t="s">
        <v>24</v>
      </c>
      <c r="B32" s="4" t="s">
        <v>42</v>
      </c>
      <c r="C32" s="4" t="s">
        <v>71</v>
      </c>
      <c r="D32" s="4" t="s">
        <v>42</v>
      </c>
      <c r="E32" s="4" t="s">
        <v>42</v>
      </c>
      <c r="F32" s="4" t="s">
        <v>42</v>
      </c>
      <c r="G32" s="4" t="s">
        <v>42</v>
      </c>
      <c r="H32" s="4" t="s">
        <v>42</v>
      </c>
      <c r="I32" s="4" t="s">
        <v>42</v>
      </c>
      <c r="J32" s="4" t="s">
        <v>71</v>
      </c>
      <c r="K32" s="4" t="s">
        <v>42</v>
      </c>
    </row>
  </sheetData>
  <phoneticPr fontId="1" type="noConversion"/>
  <printOptions horizontalCentered="1" verticalCentered="1"/>
  <pageMargins left="0.70866141732283472" right="0.70866141732283472" top="0.74803149606299213" bottom="0.74803149606299213" header="0.39370078740157483" footer="0.51181102362204722"/>
  <pageSetup paperSize="9" scale="77" fitToWidth="0" orientation="portrait" r:id="rId1"/>
  <headerFooter>
    <oddHeader>&amp;C&amp;"KaiTi,標準"&amp;15行政院消費者保護處
【陸空運輸業者廚房環境衛生查核及食材檢測】廚房環境衛生查核彙整表</oddHeader>
    <oddFooter>&amp;C&amp;"KaiTi,標準"第 &amp;P 頁，共 &amp;N 頁</oddFooter>
  </headerFooter>
  <colBreaks count="4" manualBreakCount="4">
    <brk id="3" max="1048575" man="1"/>
    <brk id="5" max="1048575" man="1"/>
    <brk id="7" max="1048575" man="1"/>
    <brk id="9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27"/>
  <sheetViews>
    <sheetView workbookViewId="0">
      <selection activeCell="F7" sqref="F7"/>
    </sheetView>
  </sheetViews>
  <sheetFormatPr defaultRowHeight="16.2" x14ac:dyDescent="0.3"/>
  <cols>
    <col min="1" max="1" width="33.77734375" style="1" customWidth="1"/>
    <col min="2" max="2" width="12.88671875" style="17" bestFit="1" customWidth="1"/>
    <col min="3" max="3" width="17.5546875" style="12" customWidth="1"/>
    <col min="4" max="4" width="17.6640625" style="11" hidden="1" customWidth="1"/>
  </cols>
  <sheetData>
    <row r="1" spans="1:4" x14ac:dyDescent="0.3">
      <c r="A1" s="13" t="s">
        <v>58</v>
      </c>
      <c r="B1" s="19" t="s">
        <v>57</v>
      </c>
      <c r="C1" s="20"/>
      <c r="D1" s="15"/>
    </row>
    <row r="2" spans="1:4" x14ac:dyDescent="0.3">
      <c r="A2" s="14" t="s">
        <v>43</v>
      </c>
      <c r="B2" s="4" t="s">
        <v>59</v>
      </c>
      <c r="C2" s="15" t="s">
        <v>86</v>
      </c>
      <c r="D2" s="15"/>
    </row>
    <row r="3" spans="1:4" ht="46.8" x14ac:dyDescent="0.3">
      <c r="A3" s="13" t="s">
        <v>3</v>
      </c>
      <c r="B3" s="4">
        <v>0</v>
      </c>
      <c r="C3" s="18"/>
      <c r="D3" s="10"/>
    </row>
    <row r="4" spans="1:4" ht="46.8" x14ac:dyDescent="0.3">
      <c r="A4" s="13" t="s">
        <v>4</v>
      </c>
      <c r="B4" s="4">
        <v>1</v>
      </c>
      <c r="C4" s="15" t="s">
        <v>72</v>
      </c>
      <c r="D4" s="15"/>
    </row>
    <row r="5" spans="1:4" ht="46.8" x14ac:dyDescent="0.3">
      <c r="A5" s="13" t="s">
        <v>5</v>
      </c>
      <c r="B5" s="4">
        <v>3</v>
      </c>
      <c r="C5" s="15" t="s">
        <v>73</v>
      </c>
      <c r="D5" s="15"/>
    </row>
    <row r="6" spans="1:4" ht="62.4" x14ac:dyDescent="0.3">
      <c r="A6" s="13" t="s">
        <v>6</v>
      </c>
      <c r="B6" s="4">
        <v>0</v>
      </c>
      <c r="C6" s="18"/>
      <c r="D6" s="10"/>
    </row>
    <row r="7" spans="1:4" ht="62.4" x14ac:dyDescent="0.3">
      <c r="A7" s="13" t="s">
        <v>7</v>
      </c>
      <c r="B7" s="4">
        <v>0</v>
      </c>
      <c r="C7" s="18"/>
      <c r="D7" s="10"/>
    </row>
    <row r="8" spans="1:4" ht="31.2" x14ac:dyDescent="0.3">
      <c r="A8" s="13" t="s">
        <v>8</v>
      </c>
      <c r="B8" s="4">
        <v>1</v>
      </c>
      <c r="C8" s="15" t="s">
        <v>74</v>
      </c>
      <c r="D8" s="10"/>
    </row>
    <row r="9" spans="1:4" ht="31.2" x14ac:dyDescent="0.3">
      <c r="A9" s="13" t="s">
        <v>9</v>
      </c>
      <c r="B9" s="4">
        <v>1</v>
      </c>
      <c r="C9" s="16" t="s">
        <v>75</v>
      </c>
    </row>
    <row r="10" spans="1:4" ht="46.8" x14ac:dyDescent="0.3">
      <c r="A10" s="13" t="s">
        <v>10</v>
      </c>
      <c r="B10" s="4">
        <v>2</v>
      </c>
      <c r="C10" s="15" t="s">
        <v>76</v>
      </c>
    </row>
    <row r="11" spans="1:4" ht="46.8" x14ac:dyDescent="0.3">
      <c r="A11" s="13" t="s">
        <v>11</v>
      </c>
      <c r="B11" s="4">
        <v>0</v>
      </c>
      <c r="C11" s="18"/>
    </row>
    <row r="12" spans="1:4" ht="62.4" x14ac:dyDescent="0.3">
      <c r="A12" s="13" t="s">
        <v>12</v>
      </c>
      <c r="B12" s="4">
        <v>3</v>
      </c>
      <c r="C12" s="15" t="s">
        <v>77</v>
      </c>
    </row>
    <row r="13" spans="1:4" ht="31.2" x14ac:dyDescent="0.3">
      <c r="A13" s="13" t="s">
        <v>13</v>
      </c>
      <c r="B13" s="4">
        <v>3</v>
      </c>
      <c r="C13" s="15" t="s">
        <v>78</v>
      </c>
    </row>
    <row r="14" spans="1:4" ht="31.2" x14ac:dyDescent="0.3">
      <c r="A14" s="13" t="s">
        <v>14</v>
      </c>
      <c r="B14" s="4">
        <v>1</v>
      </c>
      <c r="C14" s="15" t="s">
        <v>79</v>
      </c>
    </row>
    <row r="15" spans="1:4" ht="31.2" x14ac:dyDescent="0.3">
      <c r="A15" s="13" t="s">
        <v>15</v>
      </c>
      <c r="B15" s="4">
        <v>0</v>
      </c>
      <c r="C15" s="18"/>
    </row>
    <row r="16" spans="1:4" ht="62.4" x14ac:dyDescent="0.3">
      <c r="A16" s="13" t="s">
        <v>16</v>
      </c>
      <c r="B16" s="4">
        <v>2</v>
      </c>
      <c r="C16" s="15" t="s">
        <v>81</v>
      </c>
    </row>
    <row r="17" spans="1:3" ht="78" x14ac:dyDescent="0.3">
      <c r="A17" s="13" t="s">
        <v>17</v>
      </c>
      <c r="B17" s="4">
        <v>1</v>
      </c>
      <c r="C17" s="15" t="s">
        <v>82</v>
      </c>
    </row>
    <row r="18" spans="1:3" ht="124.8" x14ac:dyDescent="0.3">
      <c r="A18" s="13" t="s">
        <v>18</v>
      </c>
      <c r="B18" s="4">
        <v>3</v>
      </c>
      <c r="C18" s="15" t="s">
        <v>83</v>
      </c>
    </row>
    <row r="19" spans="1:3" ht="46.8" x14ac:dyDescent="0.3">
      <c r="A19" s="13" t="s">
        <v>19</v>
      </c>
      <c r="B19" s="4">
        <v>0</v>
      </c>
      <c r="C19" s="18"/>
    </row>
    <row r="20" spans="1:3" ht="78" x14ac:dyDescent="0.3">
      <c r="A20" s="13" t="s">
        <v>20</v>
      </c>
      <c r="B20" s="4">
        <v>4</v>
      </c>
      <c r="C20" s="15" t="s">
        <v>84</v>
      </c>
    </row>
    <row r="21" spans="1:3" ht="46.8" x14ac:dyDescent="0.3">
      <c r="A21" s="13" t="s">
        <v>21</v>
      </c>
      <c r="B21" s="4">
        <v>3</v>
      </c>
      <c r="C21" s="15" t="s">
        <v>85</v>
      </c>
    </row>
    <row r="22" spans="1:3" ht="78" x14ac:dyDescent="0.3">
      <c r="A22" s="13" t="s">
        <v>22</v>
      </c>
      <c r="B22" s="4">
        <v>0</v>
      </c>
      <c r="C22" s="18"/>
    </row>
    <row r="23" spans="1:3" x14ac:dyDescent="0.3">
      <c r="A23" s="13" t="s">
        <v>23</v>
      </c>
      <c r="B23" s="4">
        <v>0</v>
      </c>
      <c r="C23" s="18"/>
    </row>
    <row r="24" spans="1:3" x14ac:dyDescent="0.3">
      <c r="A24" s="14" t="s">
        <v>44</v>
      </c>
      <c r="B24" s="4"/>
      <c r="C24" s="15"/>
    </row>
    <row r="25" spans="1:3" ht="31.2" x14ac:dyDescent="0.3">
      <c r="A25" s="13" t="s">
        <v>55</v>
      </c>
      <c r="B25" s="4">
        <v>2</v>
      </c>
      <c r="C25" s="15" t="s">
        <v>80</v>
      </c>
    </row>
    <row r="26" spans="1:3" ht="31.2" x14ac:dyDescent="0.3">
      <c r="A26" s="13" t="s">
        <v>54</v>
      </c>
      <c r="B26" s="4">
        <v>0</v>
      </c>
      <c r="C26" s="18"/>
    </row>
    <row r="27" spans="1:3" x14ac:dyDescent="0.3">
      <c r="A27" s="13" t="s">
        <v>25</v>
      </c>
      <c r="B27" s="4">
        <v>0</v>
      </c>
      <c r="C27" s="15"/>
    </row>
  </sheetData>
  <mergeCells count="1">
    <mergeCell ref="B1:C1"/>
  </mergeCells>
  <phoneticPr fontId="1" type="noConversion"/>
  <pageMargins left="0.7" right="0.7" top="0.75" bottom="0.75" header="0.3" footer="0.3"/>
  <pageSetup paperSize="9" scale="6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2</vt:i4>
      </vt:variant>
      <vt:variant>
        <vt:lpstr>已命名的範圍</vt:lpstr>
      </vt:variant>
      <vt:variant>
        <vt:i4>1</vt:i4>
      </vt:variant>
    </vt:vector>
  </HeadingPairs>
  <TitlesOfParts>
    <vt:vector size="3" baseType="lpstr">
      <vt:lpstr>工作表2</vt:lpstr>
      <vt:lpstr>不合格統計</vt:lpstr>
      <vt:lpstr>工作表2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aio</dc:creator>
  <cp:lastModifiedBy>Administrator</cp:lastModifiedBy>
  <cp:lastPrinted>2017-11-10T02:44:41Z</cp:lastPrinted>
  <dcterms:created xsi:type="dcterms:W3CDTF">2017-08-02T02:26:52Z</dcterms:created>
  <dcterms:modified xsi:type="dcterms:W3CDTF">2017-11-10T02:45:08Z</dcterms:modified>
</cp:coreProperties>
</file>